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3311A4" w:rsidRPr="00981D78" w:rsidRDefault="003311A4" w:rsidP="003311A4">
      <w:pPr>
        <w:jc w:val="distribute"/>
        <w:rPr>
          <w:rFonts w:ascii="標楷體" w:eastAsia="標楷體" w:hAnsi="標楷體"/>
          <w:b/>
          <w:spacing w:val="-20"/>
          <w:sz w:val="40"/>
          <w:szCs w:val="40"/>
        </w:rPr>
      </w:pPr>
      <w:r w:rsidRPr="00981D78">
        <w:rPr>
          <w:rFonts w:ascii="標楷體" w:eastAsia="標楷體" w:hAnsi="標楷體" w:hint="eastAsia"/>
          <w:b/>
          <w:spacing w:val="-20"/>
          <w:sz w:val="40"/>
          <w:szCs w:val="40"/>
        </w:rPr>
        <w:t>嘉義縣新港鄉復興國民小學友善校園學生事務與輔導工作成果照片</w:t>
      </w:r>
    </w:p>
    <w:tbl>
      <w:tblPr>
        <w:tblStyle w:val="a3"/>
        <w:tblW w:w="0" w:type="auto"/>
        <w:jc w:val="center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55"/>
        <w:gridCol w:w="9193"/>
      </w:tblGrid>
      <w:tr w:rsidR="003311A4" w:rsidTr="00C62A4C">
        <w:trPr>
          <w:trHeight w:val="5583"/>
          <w:jc w:val="center"/>
        </w:trPr>
        <w:tc>
          <w:tcPr>
            <w:tcW w:w="10148" w:type="dxa"/>
            <w:gridSpan w:val="2"/>
            <w:vAlign w:val="center"/>
          </w:tcPr>
          <w:p w:rsidR="003311A4" w:rsidRDefault="006B51AE" w:rsidP="00C62A4C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 wp14:anchorId="5516A04B" wp14:editId="60103AD4">
                  <wp:extent cx="6120000" cy="3600000"/>
                  <wp:effectExtent l="0" t="0" r="0" b="635"/>
                  <wp:docPr id="13" name="圖片 13" descr="\\s211\復興照片\邦成照片\2014活動照片\0721_水墨國畫\P1300621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1" descr="\\s211\復興照片\邦成照片\2014活動照片\0721_水墨國畫\P1300621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b="13909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3311A4" w:rsidRPr="00582753" w:rsidTr="00C62A4C">
        <w:trPr>
          <w:trHeight w:val="848"/>
          <w:jc w:val="center"/>
        </w:trPr>
        <w:tc>
          <w:tcPr>
            <w:tcW w:w="955" w:type="dxa"/>
            <w:vAlign w:val="center"/>
          </w:tcPr>
          <w:p w:rsidR="003311A4" w:rsidRDefault="003311A4" w:rsidP="00C62A4C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3311A4" w:rsidRDefault="003311A4" w:rsidP="00C62A4C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93" w:type="dxa"/>
            <w:vAlign w:val="center"/>
          </w:tcPr>
          <w:p w:rsidR="003311A4" w:rsidRPr="00A340B9" w:rsidRDefault="003311A4" w:rsidP="00A340B9">
            <w:pPr>
              <w:widowControl/>
              <w:spacing w:line="28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</w:t>
            </w:r>
            <w:r w:rsidRPr="00CF305F">
              <w:rPr>
                <w:rFonts w:ascii="標楷體" w:eastAsia="標楷體" w:hAnsi="標楷體" w:hint="eastAsia"/>
                <w:b/>
                <w:sz w:val="28"/>
                <w:szCs w:val="28"/>
              </w:rPr>
              <w:t>：</w:t>
            </w:r>
            <w:bookmarkStart w:id="0" w:name="_GoBack"/>
            <w:r w:rsidR="003347B2" w:rsidRPr="003347B2">
              <w:rPr>
                <w:rFonts w:ascii="標楷體" w:eastAsia="標楷體" w:hAnsi="標楷體" w:hint="eastAsia"/>
                <w:b/>
                <w:sz w:val="28"/>
                <w:szCs w:val="28"/>
              </w:rPr>
              <w:t>生活美學館於寒暑假辦理陶笛及美勞教學活動</w:t>
            </w:r>
            <w:bookmarkEnd w:id="0"/>
          </w:p>
          <w:p w:rsidR="003311A4" w:rsidRPr="003E5A04" w:rsidRDefault="003311A4" w:rsidP="006B51AE">
            <w:pPr>
              <w:widowControl/>
              <w:spacing w:line="0" w:lineRule="atLeas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 w:rsidR="0075469E">
              <w:rPr>
                <w:rFonts w:ascii="標楷體" w:eastAsia="標楷體" w:hAnsi="標楷體" w:hint="eastAsia"/>
                <w:b/>
                <w:sz w:val="28"/>
                <w:szCs w:val="28"/>
              </w:rPr>
              <w:t>參與學生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              </w:t>
            </w:r>
          </w:p>
        </w:tc>
      </w:tr>
    </w:tbl>
    <w:p w:rsidR="003311A4" w:rsidRPr="004876F3" w:rsidRDefault="00A340B9" w:rsidP="003311A4">
      <w:pPr>
        <w:jc w:val="center"/>
        <w:rPr>
          <w:rFonts w:ascii="標楷體" w:eastAsia="標楷體" w:hAnsi="標楷體"/>
          <w:b/>
          <w:szCs w:val="24"/>
        </w:rPr>
      </w:pPr>
      <w:r>
        <w:rPr>
          <w:rFonts w:ascii="標楷體" w:eastAsia="標楷體" w:hAnsi="標楷體" w:hint="eastAsia"/>
          <w:b/>
          <w:szCs w:val="24"/>
        </w:rPr>
        <w:t>三</w:t>
      </w:r>
      <w:r w:rsidR="003311A4">
        <w:rPr>
          <w:rFonts w:ascii="標楷體" w:eastAsia="標楷體" w:hAnsi="標楷體" w:hint="eastAsia"/>
          <w:b/>
          <w:szCs w:val="24"/>
        </w:rPr>
        <w:t>-</w:t>
      </w:r>
      <w:r>
        <w:rPr>
          <w:rFonts w:ascii="標楷體" w:eastAsia="標楷體" w:hAnsi="標楷體" w:hint="eastAsia"/>
          <w:b/>
          <w:szCs w:val="24"/>
        </w:rPr>
        <w:t>2</w:t>
      </w:r>
      <w:r w:rsidR="003311A4">
        <w:rPr>
          <w:rFonts w:ascii="標楷體" w:eastAsia="標楷體" w:hAnsi="標楷體" w:hint="eastAsia"/>
          <w:b/>
          <w:szCs w:val="24"/>
        </w:rPr>
        <w:t>-</w:t>
      </w:r>
      <w:r>
        <w:rPr>
          <w:rFonts w:ascii="標楷體" w:eastAsia="標楷體" w:hAnsi="標楷體" w:hint="eastAsia"/>
          <w:b/>
          <w:szCs w:val="24"/>
        </w:rPr>
        <w:t>3-2-</w:t>
      </w:r>
      <w:r w:rsidR="006B51AE">
        <w:rPr>
          <w:rFonts w:ascii="標楷體" w:eastAsia="標楷體" w:hAnsi="標楷體" w:hint="eastAsia"/>
          <w:b/>
          <w:szCs w:val="24"/>
        </w:rPr>
        <w:t>3</w:t>
      </w:r>
    </w:p>
    <w:tbl>
      <w:tblPr>
        <w:tblStyle w:val="a3"/>
        <w:tblW w:w="0" w:type="auto"/>
        <w:jc w:val="center"/>
        <w:tblInd w:w="528" w:type="dxa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72"/>
        <w:gridCol w:w="9170"/>
        <w:gridCol w:w="6"/>
      </w:tblGrid>
      <w:tr w:rsidR="003311A4" w:rsidRPr="00ED1F25" w:rsidTr="00C62A4C">
        <w:trPr>
          <w:trHeight w:val="5833"/>
          <w:jc w:val="center"/>
        </w:trPr>
        <w:tc>
          <w:tcPr>
            <w:tcW w:w="10148" w:type="dxa"/>
            <w:gridSpan w:val="3"/>
            <w:vAlign w:val="center"/>
          </w:tcPr>
          <w:p w:rsidR="003311A4" w:rsidRPr="00582753" w:rsidRDefault="006B51AE" w:rsidP="00C62A4C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>
                  <wp:extent cx="6120000" cy="3600000"/>
                  <wp:effectExtent l="0" t="0" r="0" b="635"/>
                  <wp:docPr id="12" name="圖片 12" descr="\\s211\復興照片\邦成照片\2014活動照片\0714_紙條編織\P1300528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0" descr="\\s211\復興照片\邦成照片\2014活動照片\0714_紙條編織\P1300528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B51AE" w:rsidRPr="00B64A9E" w:rsidTr="00C62A4C">
        <w:trPr>
          <w:gridAfter w:val="1"/>
          <w:wAfter w:w="6" w:type="dxa"/>
          <w:trHeight w:val="1041"/>
          <w:jc w:val="center"/>
        </w:trPr>
        <w:tc>
          <w:tcPr>
            <w:tcW w:w="972" w:type="dxa"/>
            <w:vAlign w:val="center"/>
          </w:tcPr>
          <w:p w:rsidR="006B51AE" w:rsidRDefault="006B51AE" w:rsidP="00C62A4C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6B51AE" w:rsidRDefault="006B51AE" w:rsidP="00C62A4C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70" w:type="dxa"/>
            <w:vAlign w:val="center"/>
          </w:tcPr>
          <w:p w:rsidR="006B51AE" w:rsidRPr="00A340B9" w:rsidRDefault="006B51AE" w:rsidP="00A055F7">
            <w:pPr>
              <w:widowControl/>
              <w:spacing w:line="28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</w:t>
            </w:r>
            <w:r w:rsidRPr="00CF305F">
              <w:rPr>
                <w:rFonts w:ascii="標楷體" w:eastAsia="標楷體" w:hAnsi="標楷體" w:hint="eastAsia"/>
                <w:b/>
                <w:sz w:val="28"/>
                <w:szCs w:val="28"/>
              </w:rPr>
              <w:t>：</w:t>
            </w:r>
            <w:r w:rsidRPr="003347B2">
              <w:rPr>
                <w:rFonts w:ascii="標楷體" w:eastAsia="標楷體" w:hAnsi="標楷體" w:hint="eastAsia"/>
                <w:b/>
                <w:sz w:val="28"/>
                <w:szCs w:val="28"/>
              </w:rPr>
              <w:t>生活美學館於寒暑假辦理陶笛及美勞教學活動</w:t>
            </w:r>
          </w:p>
          <w:p w:rsidR="006B51AE" w:rsidRPr="003E5A04" w:rsidRDefault="006B51AE" w:rsidP="00A055F7">
            <w:pPr>
              <w:widowControl/>
              <w:spacing w:line="0" w:lineRule="atLeas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參與學生              </w:t>
            </w:r>
          </w:p>
        </w:tc>
      </w:tr>
    </w:tbl>
    <w:p w:rsidR="00A340B9" w:rsidRPr="00981D78" w:rsidRDefault="00A340B9" w:rsidP="00A340B9">
      <w:pPr>
        <w:jc w:val="distribute"/>
        <w:rPr>
          <w:rFonts w:ascii="標楷體" w:eastAsia="標楷體" w:hAnsi="標楷體"/>
          <w:b/>
          <w:spacing w:val="-20"/>
          <w:sz w:val="40"/>
          <w:szCs w:val="40"/>
        </w:rPr>
      </w:pPr>
      <w:r w:rsidRPr="00981D78">
        <w:rPr>
          <w:rFonts w:ascii="標楷體" w:eastAsia="標楷體" w:hAnsi="標楷體" w:hint="eastAsia"/>
          <w:b/>
          <w:spacing w:val="-20"/>
          <w:sz w:val="40"/>
          <w:szCs w:val="40"/>
        </w:rPr>
        <w:lastRenderedPageBreak/>
        <w:t>嘉義縣新港鄉復興國民小學友善校園學生事務與輔導工作成果照片</w:t>
      </w:r>
    </w:p>
    <w:tbl>
      <w:tblPr>
        <w:tblStyle w:val="a3"/>
        <w:tblW w:w="0" w:type="auto"/>
        <w:jc w:val="center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55"/>
        <w:gridCol w:w="9193"/>
      </w:tblGrid>
      <w:tr w:rsidR="00A340B9" w:rsidTr="00A055F7">
        <w:trPr>
          <w:trHeight w:val="5583"/>
          <w:jc w:val="center"/>
        </w:trPr>
        <w:tc>
          <w:tcPr>
            <w:tcW w:w="10148" w:type="dxa"/>
            <w:gridSpan w:val="2"/>
            <w:vAlign w:val="center"/>
          </w:tcPr>
          <w:p w:rsidR="00A340B9" w:rsidRDefault="006B51AE" w:rsidP="00A055F7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 wp14:anchorId="212A93CC" wp14:editId="7974AB62">
                  <wp:extent cx="6120000" cy="3600000"/>
                  <wp:effectExtent l="0" t="0" r="0" b="635"/>
                  <wp:docPr id="11" name="圖片 11" descr="\\s211\復興照片\邦成照片\2014活動照片\0701_音樂賞析\P1300444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9" descr="\\s211\復興照片\邦成照片\2014活動照片\0701_音樂賞析\P1300444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2797" t="25124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B51AE" w:rsidRPr="00582753" w:rsidTr="00A055F7">
        <w:trPr>
          <w:trHeight w:val="848"/>
          <w:jc w:val="center"/>
        </w:trPr>
        <w:tc>
          <w:tcPr>
            <w:tcW w:w="955" w:type="dxa"/>
            <w:vAlign w:val="center"/>
          </w:tcPr>
          <w:p w:rsidR="006B51AE" w:rsidRDefault="006B51AE" w:rsidP="00A055F7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6B51AE" w:rsidRDefault="006B51AE" w:rsidP="00A055F7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93" w:type="dxa"/>
            <w:vAlign w:val="center"/>
          </w:tcPr>
          <w:p w:rsidR="006B51AE" w:rsidRPr="00A340B9" w:rsidRDefault="006B51AE" w:rsidP="00A055F7">
            <w:pPr>
              <w:widowControl/>
              <w:spacing w:line="28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</w:t>
            </w:r>
            <w:r w:rsidRPr="00CF305F">
              <w:rPr>
                <w:rFonts w:ascii="標楷體" w:eastAsia="標楷體" w:hAnsi="標楷體" w:hint="eastAsia"/>
                <w:b/>
                <w:sz w:val="28"/>
                <w:szCs w:val="28"/>
              </w:rPr>
              <w:t>：</w:t>
            </w:r>
            <w:r w:rsidRPr="003347B2">
              <w:rPr>
                <w:rFonts w:ascii="標楷體" w:eastAsia="標楷體" w:hAnsi="標楷體" w:hint="eastAsia"/>
                <w:b/>
                <w:sz w:val="28"/>
                <w:szCs w:val="28"/>
              </w:rPr>
              <w:t>生活美學館於寒暑假辦理陶笛及美勞教學活動</w:t>
            </w:r>
          </w:p>
          <w:p w:rsidR="006B51AE" w:rsidRPr="003E5A04" w:rsidRDefault="006B51AE" w:rsidP="00A055F7">
            <w:pPr>
              <w:widowControl/>
              <w:spacing w:line="0" w:lineRule="atLeas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參與學生              </w:t>
            </w:r>
          </w:p>
        </w:tc>
      </w:tr>
    </w:tbl>
    <w:p w:rsidR="00A340B9" w:rsidRPr="004876F3" w:rsidRDefault="00A340B9" w:rsidP="00A340B9">
      <w:pPr>
        <w:jc w:val="center"/>
        <w:rPr>
          <w:rFonts w:ascii="標楷體" w:eastAsia="標楷體" w:hAnsi="標楷體"/>
          <w:b/>
          <w:szCs w:val="24"/>
        </w:rPr>
      </w:pPr>
      <w:r>
        <w:rPr>
          <w:rFonts w:ascii="標楷體" w:eastAsia="標楷體" w:hAnsi="標楷體" w:hint="eastAsia"/>
          <w:b/>
          <w:szCs w:val="24"/>
        </w:rPr>
        <w:t>三-2-3-2-</w:t>
      </w:r>
      <w:r w:rsidR="006B51AE">
        <w:rPr>
          <w:rFonts w:ascii="標楷體" w:eastAsia="標楷體" w:hAnsi="標楷體" w:hint="eastAsia"/>
          <w:b/>
          <w:szCs w:val="24"/>
        </w:rPr>
        <w:t>3</w:t>
      </w:r>
    </w:p>
    <w:tbl>
      <w:tblPr>
        <w:tblStyle w:val="a3"/>
        <w:tblW w:w="0" w:type="auto"/>
        <w:jc w:val="center"/>
        <w:tblInd w:w="528" w:type="dxa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72"/>
        <w:gridCol w:w="9170"/>
        <w:gridCol w:w="6"/>
      </w:tblGrid>
      <w:tr w:rsidR="00A340B9" w:rsidRPr="00ED1F25" w:rsidTr="00A055F7">
        <w:trPr>
          <w:trHeight w:val="5833"/>
          <w:jc w:val="center"/>
        </w:trPr>
        <w:tc>
          <w:tcPr>
            <w:tcW w:w="10148" w:type="dxa"/>
            <w:gridSpan w:val="3"/>
            <w:vAlign w:val="center"/>
          </w:tcPr>
          <w:p w:rsidR="00A340B9" w:rsidRPr="00582753" w:rsidRDefault="006B51AE" w:rsidP="00A055F7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>
                  <wp:extent cx="6120000" cy="3600000"/>
                  <wp:effectExtent l="0" t="0" r="0" b="635"/>
                  <wp:docPr id="14" name="圖片 14" descr="\\s211\復興照片\邦成照片\2014活動照片\0805_陶笛\P1300783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" descr="\\s211\復興照片\邦成照片\2014活動照片\0805_陶笛\P1300783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9951" b="11151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B51AE" w:rsidRPr="00B64A9E" w:rsidTr="00A055F7">
        <w:trPr>
          <w:gridAfter w:val="1"/>
          <w:wAfter w:w="6" w:type="dxa"/>
          <w:trHeight w:val="1041"/>
          <w:jc w:val="center"/>
        </w:trPr>
        <w:tc>
          <w:tcPr>
            <w:tcW w:w="972" w:type="dxa"/>
            <w:vAlign w:val="center"/>
          </w:tcPr>
          <w:p w:rsidR="006B51AE" w:rsidRDefault="006B51AE" w:rsidP="00A055F7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6B51AE" w:rsidRDefault="006B51AE" w:rsidP="00A055F7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70" w:type="dxa"/>
            <w:vAlign w:val="center"/>
          </w:tcPr>
          <w:p w:rsidR="006B51AE" w:rsidRPr="00A340B9" w:rsidRDefault="006B51AE" w:rsidP="00A055F7">
            <w:pPr>
              <w:widowControl/>
              <w:spacing w:line="28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</w:t>
            </w:r>
            <w:r w:rsidRPr="00CF305F">
              <w:rPr>
                <w:rFonts w:ascii="標楷體" w:eastAsia="標楷體" w:hAnsi="標楷體" w:hint="eastAsia"/>
                <w:b/>
                <w:sz w:val="28"/>
                <w:szCs w:val="28"/>
              </w:rPr>
              <w:t>：</w:t>
            </w:r>
            <w:r w:rsidRPr="003347B2">
              <w:rPr>
                <w:rFonts w:ascii="標楷體" w:eastAsia="標楷體" w:hAnsi="標楷體" w:hint="eastAsia"/>
                <w:b/>
                <w:sz w:val="28"/>
                <w:szCs w:val="28"/>
              </w:rPr>
              <w:t>生活美學館於寒暑假辦理陶笛及美勞教學活動</w:t>
            </w:r>
          </w:p>
          <w:p w:rsidR="006B51AE" w:rsidRPr="003E5A04" w:rsidRDefault="006B51AE" w:rsidP="00A055F7">
            <w:pPr>
              <w:widowControl/>
              <w:spacing w:line="0" w:lineRule="atLeas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參與學生              </w:t>
            </w:r>
          </w:p>
        </w:tc>
      </w:tr>
    </w:tbl>
    <w:p w:rsidR="00A340B9" w:rsidRPr="00406EB5" w:rsidRDefault="00A340B9" w:rsidP="00A340B9">
      <w:pPr>
        <w:jc w:val="distribute"/>
      </w:pPr>
    </w:p>
    <w:sectPr w:rsidR="00A340B9" w:rsidRPr="00406EB5" w:rsidSect="006410BD">
      <w:pgSz w:w="11906" w:h="16838"/>
      <w:pgMar w:top="567" w:right="720" w:bottom="567" w:left="72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A76499" w:rsidRDefault="00A76499" w:rsidP="0072439B">
      <w:r>
        <w:separator/>
      </w:r>
    </w:p>
  </w:endnote>
  <w:endnote w:type="continuationSeparator" w:id="0">
    <w:p w:rsidR="00A76499" w:rsidRDefault="00A76499" w:rsidP="0072439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A76499" w:rsidRDefault="00A76499" w:rsidP="0072439B">
      <w:r>
        <w:separator/>
      </w:r>
    </w:p>
  </w:footnote>
  <w:footnote w:type="continuationSeparator" w:id="0">
    <w:p w:rsidR="00A76499" w:rsidRDefault="00A76499" w:rsidP="0072439B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6"/>
  <w:bordersDoNotSurroundHeader/>
  <w:bordersDoNotSurroundFooter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75E89"/>
    <w:rsid w:val="00007F21"/>
    <w:rsid w:val="00011817"/>
    <w:rsid w:val="000158AC"/>
    <w:rsid w:val="00043833"/>
    <w:rsid w:val="00045B17"/>
    <w:rsid w:val="000467EA"/>
    <w:rsid w:val="00053B8D"/>
    <w:rsid w:val="00054C84"/>
    <w:rsid w:val="00065548"/>
    <w:rsid w:val="0007353D"/>
    <w:rsid w:val="000751E9"/>
    <w:rsid w:val="0009316F"/>
    <w:rsid w:val="000A49F7"/>
    <w:rsid w:val="000B0807"/>
    <w:rsid w:val="000B2694"/>
    <w:rsid w:val="000E3429"/>
    <w:rsid w:val="00104842"/>
    <w:rsid w:val="00113DD2"/>
    <w:rsid w:val="00125B96"/>
    <w:rsid w:val="001530CE"/>
    <w:rsid w:val="00186BC3"/>
    <w:rsid w:val="0018772F"/>
    <w:rsid w:val="001A0240"/>
    <w:rsid w:val="001A353C"/>
    <w:rsid w:val="001E00BF"/>
    <w:rsid w:val="00203B77"/>
    <w:rsid w:val="0022000D"/>
    <w:rsid w:val="00220CC7"/>
    <w:rsid w:val="002426C9"/>
    <w:rsid w:val="00262429"/>
    <w:rsid w:val="00282DEF"/>
    <w:rsid w:val="00286C71"/>
    <w:rsid w:val="003240B8"/>
    <w:rsid w:val="003311A4"/>
    <w:rsid w:val="00331849"/>
    <w:rsid w:val="003347B2"/>
    <w:rsid w:val="00345300"/>
    <w:rsid w:val="00350A25"/>
    <w:rsid w:val="003744D6"/>
    <w:rsid w:val="003B259D"/>
    <w:rsid w:val="003E5A04"/>
    <w:rsid w:val="003F6157"/>
    <w:rsid w:val="00406EB5"/>
    <w:rsid w:val="004371C8"/>
    <w:rsid w:val="004724EF"/>
    <w:rsid w:val="004871E3"/>
    <w:rsid w:val="004D6283"/>
    <w:rsid w:val="004F16B1"/>
    <w:rsid w:val="00515D75"/>
    <w:rsid w:val="00516578"/>
    <w:rsid w:val="00520DFE"/>
    <w:rsid w:val="00563C8A"/>
    <w:rsid w:val="0056615F"/>
    <w:rsid w:val="00575F2D"/>
    <w:rsid w:val="00582753"/>
    <w:rsid w:val="005C5045"/>
    <w:rsid w:val="00624DFC"/>
    <w:rsid w:val="00626943"/>
    <w:rsid w:val="006410BD"/>
    <w:rsid w:val="0065456C"/>
    <w:rsid w:val="00661716"/>
    <w:rsid w:val="006622E9"/>
    <w:rsid w:val="00674E74"/>
    <w:rsid w:val="006A5FDE"/>
    <w:rsid w:val="006A7317"/>
    <w:rsid w:val="006A75C5"/>
    <w:rsid w:val="006B51AE"/>
    <w:rsid w:val="006D7C41"/>
    <w:rsid w:val="00700E23"/>
    <w:rsid w:val="00710FB4"/>
    <w:rsid w:val="00716860"/>
    <w:rsid w:val="0072439B"/>
    <w:rsid w:val="00747161"/>
    <w:rsid w:val="00751C0E"/>
    <w:rsid w:val="0075469E"/>
    <w:rsid w:val="007578D0"/>
    <w:rsid w:val="00787895"/>
    <w:rsid w:val="007917A0"/>
    <w:rsid w:val="007A5549"/>
    <w:rsid w:val="007B6CB0"/>
    <w:rsid w:val="007C5EED"/>
    <w:rsid w:val="007E1B76"/>
    <w:rsid w:val="007E5E43"/>
    <w:rsid w:val="008209D5"/>
    <w:rsid w:val="008213E7"/>
    <w:rsid w:val="00857A23"/>
    <w:rsid w:val="00872EEF"/>
    <w:rsid w:val="008911E1"/>
    <w:rsid w:val="008923B5"/>
    <w:rsid w:val="00897901"/>
    <w:rsid w:val="008A6251"/>
    <w:rsid w:val="008B4AB2"/>
    <w:rsid w:val="008C15F6"/>
    <w:rsid w:val="008C55DD"/>
    <w:rsid w:val="008D51A3"/>
    <w:rsid w:val="008D53CD"/>
    <w:rsid w:val="008D7AB6"/>
    <w:rsid w:val="008E619D"/>
    <w:rsid w:val="00956D58"/>
    <w:rsid w:val="00981D78"/>
    <w:rsid w:val="009B3337"/>
    <w:rsid w:val="009C7FC1"/>
    <w:rsid w:val="009E1010"/>
    <w:rsid w:val="009F0D1E"/>
    <w:rsid w:val="00A2706F"/>
    <w:rsid w:val="00A33911"/>
    <w:rsid w:val="00A340B9"/>
    <w:rsid w:val="00A505E4"/>
    <w:rsid w:val="00A70BA5"/>
    <w:rsid w:val="00A76499"/>
    <w:rsid w:val="00AA1CBC"/>
    <w:rsid w:val="00AB1B92"/>
    <w:rsid w:val="00AB34F1"/>
    <w:rsid w:val="00AE31ED"/>
    <w:rsid w:val="00AF3C7D"/>
    <w:rsid w:val="00B07603"/>
    <w:rsid w:val="00B10F83"/>
    <w:rsid w:val="00B2267E"/>
    <w:rsid w:val="00B2359B"/>
    <w:rsid w:val="00B47206"/>
    <w:rsid w:val="00B5728C"/>
    <w:rsid w:val="00B64A9E"/>
    <w:rsid w:val="00B72FFD"/>
    <w:rsid w:val="00B873F7"/>
    <w:rsid w:val="00BC59B9"/>
    <w:rsid w:val="00BD0B6C"/>
    <w:rsid w:val="00BE6BAF"/>
    <w:rsid w:val="00BE7463"/>
    <w:rsid w:val="00C0230E"/>
    <w:rsid w:val="00C05C5F"/>
    <w:rsid w:val="00C35AF6"/>
    <w:rsid w:val="00C4223A"/>
    <w:rsid w:val="00C44882"/>
    <w:rsid w:val="00C44B5A"/>
    <w:rsid w:val="00C75E89"/>
    <w:rsid w:val="00C83C70"/>
    <w:rsid w:val="00C94D02"/>
    <w:rsid w:val="00C9692E"/>
    <w:rsid w:val="00CB102F"/>
    <w:rsid w:val="00CC1B24"/>
    <w:rsid w:val="00CD3303"/>
    <w:rsid w:val="00CD3D9F"/>
    <w:rsid w:val="00CE32DE"/>
    <w:rsid w:val="00CE5E24"/>
    <w:rsid w:val="00CE6AD9"/>
    <w:rsid w:val="00CF305F"/>
    <w:rsid w:val="00D14379"/>
    <w:rsid w:val="00D22C48"/>
    <w:rsid w:val="00D46EF6"/>
    <w:rsid w:val="00D46F80"/>
    <w:rsid w:val="00D55EC1"/>
    <w:rsid w:val="00D80600"/>
    <w:rsid w:val="00D811E0"/>
    <w:rsid w:val="00D945F2"/>
    <w:rsid w:val="00DD4640"/>
    <w:rsid w:val="00DE4CD6"/>
    <w:rsid w:val="00E03D4A"/>
    <w:rsid w:val="00E20CEE"/>
    <w:rsid w:val="00E21F8C"/>
    <w:rsid w:val="00E27141"/>
    <w:rsid w:val="00E34540"/>
    <w:rsid w:val="00E43F13"/>
    <w:rsid w:val="00E63A4E"/>
    <w:rsid w:val="00E64060"/>
    <w:rsid w:val="00E831D3"/>
    <w:rsid w:val="00E859F1"/>
    <w:rsid w:val="00E951F5"/>
    <w:rsid w:val="00ED07A7"/>
    <w:rsid w:val="00ED36AB"/>
    <w:rsid w:val="00ED39C0"/>
    <w:rsid w:val="00F218A6"/>
    <w:rsid w:val="00F27C92"/>
    <w:rsid w:val="00F32325"/>
    <w:rsid w:val="00F353D4"/>
    <w:rsid w:val="00F46945"/>
    <w:rsid w:val="00F55EEE"/>
    <w:rsid w:val="00F846C6"/>
    <w:rsid w:val="00F97C52"/>
    <w:rsid w:val="00FA605E"/>
    <w:rsid w:val="00FB0CEB"/>
    <w:rsid w:val="00FC0D45"/>
    <w:rsid w:val="00FD21E5"/>
    <w:rsid w:val="00FD616C"/>
    <w:rsid w:val="00FE2E39"/>
    <w:rsid w:val="00FE320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E20CEE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C75E8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Balloon Text"/>
    <w:basedOn w:val="a"/>
    <w:link w:val="a5"/>
    <w:uiPriority w:val="99"/>
    <w:semiHidden/>
    <w:unhideWhenUsed/>
    <w:rsid w:val="00C75E89"/>
    <w:rPr>
      <w:rFonts w:asciiTheme="majorHAnsi" w:eastAsiaTheme="majorEastAsia" w:hAnsiTheme="majorHAnsi" w:cstheme="majorBidi"/>
      <w:sz w:val="18"/>
      <w:szCs w:val="18"/>
    </w:rPr>
  </w:style>
  <w:style w:type="character" w:customStyle="1" w:styleId="a5">
    <w:name w:val="註解方塊文字 字元"/>
    <w:basedOn w:val="a0"/>
    <w:link w:val="a4"/>
    <w:uiPriority w:val="99"/>
    <w:semiHidden/>
    <w:rsid w:val="00C75E89"/>
    <w:rPr>
      <w:rFonts w:asciiTheme="majorHAnsi" w:eastAsiaTheme="majorEastAsia" w:hAnsiTheme="majorHAnsi" w:cstheme="majorBidi"/>
      <w:sz w:val="18"/>
      <w:szCs w:val="18"/>
    </w:rPr>
  </w:style>
  <w:style w:type="paragraph" w:styleId="a6">
    <w:name w:val="header"/>
    <w:basedOn w:val="a"/>
    <w:link w:val="a7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首 字元"/>
    <w:basedOn w:val="a0"/>
    <w:link w:val="a6"/>
    <w:uiPriority w:val="99"/>
    <w:rsid w:val="0072439B"/>
    <w:rPr>
      <w:sz w:val="20"/>
      <w:szCs w:val="20"/>
    </w:rPr>
  </w:style>
  <w:style w:type="paragraph" w:styleId="a8">
    <w:name w:val="footer"/>
    <w:basedOn w:val="a"/>
    <w:link w:val="a9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9">
    <w:name w:val="頁尾 字元"/>
    <w:basedOn w:val="a0"/>
    <w:link w:val="a8"/>
    <w:uiPriority w:val="99"/>
    <w:rsid w:val="0072439B"/>
    <w:rPr>
      <w:sz w:val="20"/>
      <w:szCs w:val="20"/>
    </w:rPr>
  </w:style>
  <w:style w:type="paragraph" w:styleId="Web">
    <w:name w:val="Normal (Web)"/>
    <w:basedOn w:val="a"/>
    <w:uiPriority w:val="99"/>
    <w:semiHidden/>
    <w:unhideWhenUsed/>
    <w:rsid w:val="00FD616C"/>
    <w:pPr>
      <w:widowControl/>
      <w:spacing w:before="100" w:beforeAutospacing="1" w:after="100" w:afterAutospacing="1"/>
    </w:pPr>
    <w:rPr>
      <w:rFonts w:ascii="新細明體" w:eastAsia="新細明體" w:hAnsi="新細明體" w:cs="新細明體"/>
      <w:kern w:val="0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E20CEE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C75E8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Balloon Text"/>
    <w:basedOn w:val="a"/>
    <w:link w:val="a5"/>
    <w:uiPriority w:val="99"/>
    <w:semiHidden/>
    <w:unhideWhenUsed/>
    <w:rsid w:val="00C75E89"/>
    <w:rPr>
      <w:rFonts w:asciiTheme="majorHAnsi" w:eastAsiaTheme="majorEastAsia" w:hAnsiTheme="majorHAnsi" w:cstheme="majorBidi"/>
      <w:sz w:val="18"/>
      <w:szCs w:val="18"/>
    </w:rPr>
  </w:style>
  <w:style w:type="character" w:customStyle="1" w:styleId="a5">
    <w:name w:val="註解方塊文字 字元"/>
    <w:basedOn w:val="a0"/>
    <w:link w:val="a4"/>
    <w:uiPriority w:val="99"/>
    <w:semiHidden/>
    <w:rsid w:val="00C75E89"/>
    <w:rPr>
      <w:rFonts w:asciiTheme="majorHAnsi" w:eastAsiaTheme="majorEastAsia" w:hAnsiTheme="majorHAnsi" w:cstheme="majorBidi"/>
      <w:sz w:val="18"/>
      <w:szCs w:val="18"/>
    </w:rPr>
  </w:style>
  <w:style w:type="paragraph" w:styleId="a6">
    <w:name w:val="header"/>
    <w:basedOn w:val="a"/>
    <w:link w:val="a7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首 字元"/>
    <w:basedOn w:val="a0"/>
    <w:link w:val="a6"/>
    <w:uiPriority w:val="99"/>
    <w:rsid w:val="0072439B"/>
    <w:rPr>
      <w:sz w:val="20"/>
      <w:szCs w:val="20"/>
    </w:rPr>
  </w:style>
  <w:style w:type="paragraph" w:styleId="a8">
    <w:name w:val="footer"/>
    <w:basedOn w:val="a"/>
    <w:link w:val="a9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9">
    <w:name w:val="頁尾 字元"/>
    <w:basedOn w:val="a0"/>
    <w:link w:val="a8"/>
    <w:uiPriority w:val="99"/>
    <w:rsid w:val="0072439B"/>
    <w:rPr>
      <w:sz w:val="20"/>
      <w:szCs w:val="20"/>
    </w:rPr>
  </w:style>
  <w:style w:type="paragraph" w:styleId="Web">
    <w:name w:val="Normal (Web)"/>
    <w:basedOn w:val="a"/>
    <w:uiPriority w:val="99"/>
    <w:semiHidden/>
    <w:unhideWhenUsed/>
    <w:rsid w:val="00FD616C"/>
    <w:pPr>
      <w:widowControl/>
      <w:spacing w:before="100" w:beforeAutospacing="1" w:after="100" w:afterAutospacing="1"/>
    </w:pPr>
    <w:rPr>
      <w:rFonts w:ascii="新細明體" w:eastAsia="新細明體" w:hAnsi="新細明體" w:cs="新細明體"/>
      <w:kern w:val="0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496511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5624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image" Target="media/image4.jpeg"/><Relationship Id="rId4" Type="http://schemas.openxmlformats.org/officeDocument/2006/relationships/webSettings" Target="webSettings.xml"/><Relationship Id="rId9" Type="http://schemas.openxmlformats.org/officeDocument/2006/relationships/image" Target="media/image3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46</Words>
  <Characters>267</Characters>
  <Application>Microsoft Office Word</Application>
  <DocSecurity>0</DocSecurity>
  <Lines>2</Lines>
  <Paragraphs>1</Paragraphs>
  <ScaleCrop>false</ScaleCrop>
  <Company/>
  <LinksUpToDate>false</LinksUpToDate>
  <CharactersWithSpaces>31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校長</dc:creator>
  <cp:lastModifiedBy>eClient</cp:lastModifiedBy>
  <cp:revision>2</cp:revision>
  <cp:lastPrinted>2015-03-27T02:32:00Z</cp:lastPrinted>
  <dcterms:created xsi:type="dcterms:W3CDTF">2015-05-21T07:26:00Z</dcterms:created>
  <dcterms:modified xsi:type="dcterms:W3CDTF">2015-05-21T07:26:00Z</dcterms:modified>
</cp:coreProperties>
</file>